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9.30時点\01_起案\"/>
    </mc:Choice>
  </mc:AlternateContent>
  <bookViews>
    <workbookView xWindow="0" yWindow="0" windowWidth="15708" windowHeight="7512"/>
  </bookViews>
  <sheets>
    <sheet name="三崎 " sheetId="61" r:id="rId1"/>
  </sheets>
  <definedNames>
    <definedName name="_xlnm._FilterDatabase" localSheetId="0" hidden="1">'三崎 '!$A$2:$E$77</definedName>
    <definedName name="_xlnm.Print_Area" localSheetId="0">'三崎 '!$A$1:$E$77</definedName>
    <definedName name="_xlnm.Print_Titles" localSheetId="0">'三崎 '!$2:$2</definedName>
  </definedNames>
  <calcPr calcId="162913"/>
</workbook>
</file>

<file path=xl/sharedStrings.xml><?xml version="1.0" encoding="utf-8"?>
<sst xmlns="http://schemas.openxmlformats.org/spreadsheetml/2006/main" count="306" uniqueCount="234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三浦市栄町16-4</t>
    <rPh sb="0" eb="3">
      <t>ミウラシ</t>
    </rPh>
    <rPh sb="3" eb="5">
      <t>サカエチョウ</t>
    </rPh>
    <phoneticPr fontId="2"/>
  </si>
  <si>
    <t>簡易宿所</t>
    <rPh sb="0" eb="2">
      <t>カンイ</t>
    </rPh>
    <rPh sb="2" eb="4">
      <t>シュクショ</t>
    </rPh>
    <phoneticPr fontId="2"/>
  </si>
  <si>
    <t>民宿　はら</t>
  </si>
  <si>
    <t>三浦市初声町三戸2449</t>
  </si>
  <si>
    <t>三浦市初声町三戸字上ノ原2452</t>
    <rPh sb="8" eb="9">
      <t>アザ</t>
    </rPh>
    <rPh sb="9" eb="10">
      <t>ウエ</t>
    </rPh>
    <rPh sb="11" eb="12">
      <t>ハラ</t>
    </rPh>
    <phoneticPr fontId="2"/>
  </si>
  <si>
    <t>三浦市三崎4-8-10</t>
    <rPh sb="0" eb="3">
      <t>ミウラシ</t>
    </rPh>
    <rPh sb="3" eb="5">
      <t>ミサキ</t>
    </rPh>
    <phoneticPr fontId="2"/>
  </si>
  <si>
    <t>民宿 海上亭</t>
    <rPh sb="0" eb="2">
      <t>ミンシュク</t>
    </rPh>
    <phoneticPr fontId="2"/>
  </si>
  <si>
    <t>出口</t>
  </si>
  <si>
    <t>三浦市三崎町小網代1450</t>
  </si>
  <si>
    <t>Ｐｅｎ宿　ひこや</t>
  </si>
  <si>
    <t>三浦市三崎町城ヶ島658-130</t>
  </si>
  <si>
    <t>民宿　港屋</t>
  </si>
  <si>
    <t>三浦市三崎町城ヶ島680-5</t>
  </si>
  <si>
    <t>長津呂荘</t>
  </si>
  <si>
    <t>三浦市三崎町城ヶ島687</t>
  </si>
  <si>
    <t>民宿　まるよし</t>
  </si>
  <si>
    <t>三浦市三崎町六合字水位戸1769番地</t>
    <rPh sb="8" eb="9">
      <t>アザ</t>
    </rPh>
    <rPh sb="9" eb="11">
      <t>スイイ</t>
    </rPh>
    <rPh sb="11" eb="12">
      <t>ト</t>
    </rPh>
    <rPh sb="16" eb="18">
      <t>バンチ</t>
    </rPh>
    <phoneticPr fontId="2"/>
  </si>
  <si>
    <t>三浦市南下浦町金田224</t>
  </si>
  <si>
    <t>出口荘</t>
  </si>
  <si>
    <t>根本荘</t>
  </si>
  <si>
    <t>丸長荘</t>
  </si>
  <si>
    <t>魚萬</t>
    <rPh sb="1" eb="2">
      <t>マン</t>
    </rPh>
    <phoneticPr fontId="2"/>
  </si>
  <si>
    <t>三浦市南下浦町上宮田3532</t>
  </si>
  <si>
    <t>やまかわ</t>
  </si>
  <si>
    <t>三浦市南下浦町上宮田523</t>
  </si>
  <si>
    <t>今井荘</t>
  </si>
  <si>
    <t>三浦市南下浦町上宮田571　</t>
  </si>
  <si>
    <t>内田荘</t>
  </si>
  <si>
    <t>三浦市南下浦町上宮田字柿ヶ作3182-8他</t>
    <rPh sb="10" eb="11">
      <t>アザ</t>
    </rPh>
    <rPh sb="11" eb="12">
      <t>カキ</t>
    </rPh>
    <rPh sb="13" eb="14">
      <t>サク</t>
    </rPh>
    <rPh sb="20" eb="21">
      <t>ホカ</t>
    </rPh>
    <phoneticPr fontId="2"/>
  </si>
  <si>
    <t>毘沙門茶屋</t>
    <rPh sb="0" eb="3">
      <t>ビシャモン</t>
    </rPh>
    <rPh sb="3" eb="5">
      <t>チャヤ</t>
    </rPh>
    <phoneticPr fontId="2"/>
  </si>
  <si>
    <t>三浦市南下浦町毘沙門1306</t>
    <rPh sb="0" eb="3">
      <t>ミウラシ</t>
    </rPh>
    <rPh sb="3" eb="4">
      <t>ミナミ</t>
    </rPh>
    <rPh sb="4" eb="5">
      <t>シタ</t>
    </rPh>
    <rPh sb="5" eb="6">
      <t>ウラ</t>
    </rPh>
    <rPh sb="6" eb="7">
      <t>マチ</t>
    </rPh>
    <rPh sb="7" eb="10">
      <t>ビシャモン</t>
    </rPh>
    <phoneticPr fontId="2"/>
  </si>
  <si>
    <t>松林館</t>
    <rPh sb="0" eb="1">
      <t>マツ</t>
    </rPh>
    <rPh sb="1" eb="2">
      <t>リン</t>
    </rPh>
    <rPh sb="2" eb="3">
      <t>カン</t>
    </rPh>
    <phoneticPr fontId="2"/>
  </si>
  <si>
    <t>三浦市南下浦町松輪561</t>
    <rPh sb="0" eb="3">
      <t>ミウラシ</t>
    </rPh>
    <rPh sb="3" eb="4">
      <t>ミナミ</t>
    </rPh>
    <rPh sb="4" eb="5">
      <t>シタ</t>
    </rPh>
    <rPh sb="5" eb="6">
      <t>ウラ</t>
    </rPh>
    <rPh sb="6" eb="7">
      <t>マチ</t>
    </rPh>
    <rPh sb="7" eb="8">
      <t>マツ</t>
    </rPh>
    <rPh sb="8" eb="9">
      <t>ワ</t>
    </rPh>
    <phoneticPr fontId="2"/>
  </si>
  <si>
    <t>松盛荘</t>
  </si>
  <si>
    <t>三浦市南下浦町松輪574</t>
  </si>
  <si>
    <t>三浦市南下浦町松輪578</t>
  </si>
  <si>
    <t>やかた丸</t>
  </si>
  <si>
    <t>三浦市南下浦町松輪808-1</t>
  </si>
  <si>
    <t>民宿　きしろ荘</t>
  </si>
  <si>
    <t>三浦市南下浦町松輪815</t>
  </si>
  <si>
    <t>武の屋</t>
  </si>
  <si>
    <t>三浦市南下浦町松輪大浦575</t>
    <rPh sb="9" eb="11">
      <t>オオウラ</t>
    </rPh>
    <phoneticPr fontId="2"/>
  </si>
  <si>
    <t>民宿　一郎丸</t>
    <rPh sb="0" eb="2">
      <t>ミンシュク</t>
    </rPh>
    <phoneticPr fontId="1"/>
  </si>
  <si>
    <t>三崎館支店香花</t>
    <phoneticPr fontId="2"/>
  </si>
  <si>
    <t>三浦市三崎町小網代971</t>
    <phoneticPr fontId="2"/>
  </si>
  <si>
    <t>三浦市三崎町小網代1152</t>
    <phoneticPr fontId="2"/>
  </si>
  <si>
    <t>三浦市三崎町小網代1354-1,4</t>
    <phoneticPr fontId="2"/>
  </si>
  <si>
    <t>しろべ荘</t>
    <phoneticPr fontId="2"/>
  </si>
  <si>
    <t>〈ステラ・マリス〉新潮社三戸海岸保養所</t>
    <phoneticPr fontId="2"/>
  </si>
  <si>
    <t>三浦市初声町三戸1064,1065</t>
    <phoneticPr fontId="2"/>
  </si>
  <si>
    <t>三浦市三崎1-15-4</t>
    <phoneticPr fontId="2"/>
  </si>
  <si>
    <t>三浦市三崎2-19-18</t>
    <phoneticPr fontId="2"/>
  </si>
  <si>
    <t>三浦市三崎町小網代1327-2</t>
    <phoneticPr fontId="2"/>
  </si>
  <si>
    <t>城ヶ島クラブ</t>
    <phoneticPr fontId="2"/>
  </si>
  <si>
    <t>民宿　グリーン・ハウス</t>
    <phoneticPr fontId="2"/>
  </si>
  <si>
    <t>三浦市南下浦町上宮田1086</t>
    <phoneticPr fontId="2"/>
  </si>
  <si>
    <t>三浦市南下浦町上宮田1468、1469</t>
    <phoneticPr fontId="2"/>
  </si>
  <si>
    <t>三浦市南下浦町上宮田1423</t>
    <phoneticPr fontId="2"/>
  </si>
  <si>
    <t>三浦市南下浦町上宮田555</t>
    <rPh sb="0" eb="3">
      <t>ミウラシ</t>
    </rPh>
    <rPh sb="3" eb="4">
      <t>ミナミ</t>
    </rPh>
    <rPh sb="4" eb="5">
      <t>シタ</t>
    </rPh>
    <rPh sb="5" eb="6">
      <t>ウラ</t>
    </rPh>
    <rPh sb="6" eb="7">
      <t>マチ</t>
    </rPh>
    <rPh sb="7" eb="10">
      <t>カミミヤダ</t>
    </rPh>
    <phoneticPr fontId="2"/>
  </si>
  <si>
    <t>三浦市三崎1-15-13</t>
    <rPh sb="0" eb="3">
      <t>ミウラシ</t>
    </rPh>
    <rPh sb="3" eb="5">
      <t>ミサキ</t>
    </rPh>
    <phoneticPr fontId="1"/>
  </si>
  <si>
    <t>三崎港　古民家の旅宿</t>
    <rPh sb="0" eb="2">
      <t>ミサキ</t>
    </rPh>
    <rPh sb="2" eb="3">
      <t>ミナト</t>
    </rPh>
    <rPh sb="4" eb="7">
      <t>コミンカ</t>
    </rPh>
    <rPh sb="8" eb="9">
      <t>タビ</t>
    </rPh>
    <rPh sb="9" eb="10">
      <t>ヤド</t>
    </rPh>
    <phoneticPr fontId="1"/>
  </si>
  <si>
    <t>三戸浜荘</t>
    <phoneticPr fontId="2"/>
  </si>
  <si>
    <t>マーメイド</t>
    <phoneticPr fontId="2"/>
  </si>
  <si>
    <t>三浦市三崎5-2-7</t>
    <phoneticPr fontId="2"/>
  </si>
  <si>
    <t>三崎館本店</t>
    <phoneticPr fontId="2"/>
  </si>
  <si>
    <t>三浦市三崎5-2-9</t>
    <phoneticPr fontId="2"/>
  </si>
  <si>
    <t>有限会社静観荘</t>
    <phoneticPr fontId="2"/>
  </si>
  <si>
    <t>豊月</t>
    <phoneticPr fontId="2"/>
  </si>
  <si>
    <t>民宿「たつみ荘」</t>
    <phoneticPr fontId="2"/>
  </si>
  <si>
    <t>民宿旅館しおさい</t>
    <phoneticPr fontId="2"/>
  </si>
  <si>
    <t>許可番号</t>
    <rPh sb="0" eb="2">
      <t>キョカ</t>
    </rPh>
    <rPh sb="2" eb="4">
      <t>バンゴウ</t>
    </rPh>
    <phoneticPr fontId="1"/>
  </si>
  <si>
    <t>旅館・ホテル</t>
  </si>
  <si>
    <t>第060068号</t>
  </si>
  <si>
    <t>RINGO　HOUSE</t>
    <phoneticPr fontId="2"/>
  </si>
  <si>
    <t>第060048号</t>
  </si>
  <si>
    <t>ビーチ・バム</t>
    <phoneticPr fontId="2"/>
  </si>
  <si>
    <t>三浦市初声町三戸931-2</t>
    <phoneticPr fontId="2"/>
  </si>
  <si>
    <t>第060007号</t>
  </si>
  <si>
    <t>三浦市初声町三戸1059</t>
    <phoneticPr fontId="2"/>
  </si>
  <si>
    <t>第060036号</t>
  </si>
  <si>
    <t>砂丘</t>
    <phoneticPr fontId="2"/>
  </si>
  <si>
    <t>第060042号</t>
  </si>
  <si>
    <t>第060045号</t>
  </si>
  <si>
    <t>第060062号</t>
  </si>
  <si>
    <t>三浦市初声町和田2740-2</t>
    <phoneticPr fontId="2"/>
  </si>
  <si>
    <t>第060075号</t>
  </si>
  <si>
    <t>第060071号</t>
  </si>
  <si>
    <t>bed ＆ breakfast ichi</t>
    <phoneticPr fontId="2"/>
  </si>
  <si>
    <t>第060074号</t>
  </si>
  <si>
    <t>RSD village</t>
    <phoneticPr fontId="2"/>
  </si>
  <si>
    <t>三浦市三崎2-4-4</t>
    <phoneticPr fontId="1"/>
  </si>
  <si>
    <t>第060060号</t>
  </si>
  <si>
    <t>しまや</t>
    <phoneticPr fontId="2"/>
  </si>
  <si>
    <t>第060069号</t>
  </si>
  <si>
    <t>第060013号</t>
  </si>
  <si>
    <t>第060031号</t>
  </si>
  <si>
    <t>第060054号</t>
  </si>
  <si>
    <t>三浦市三崎町小網代1036-2</t>
    <phoneticPr fontId="2"/>
  </si>
  <si>
    <t>第060073号</t>
  </si>
  <si>
    <t>第060030号</t>
  </si>
  <si>
    <t>旅荘夢の里</t>
    <phoneticPr fontId="2"/>
  </si>
  <si>
    <t>第060032号</t>
  </si>
  <si>
    <t>網代荘</t>
    <phoneticPr fontId="2"/>
  </si>
  <si>
    <t>第060008号</t>
  </si>
  <si>
    <t>第060035号</t>
  </si>
  <si>
    <t>第060050号</t>
  </si>
  <si>
    <t>第060009号</t>
  </si>
  <si>
    <t>第060058号</t>
  </si>
  <si>
    <t>三浦市三崎町城ヶ島字西山686-4</t>
    <phoneticPr fontId="2"/>
  </si>
  <si>
    <t>第060021号</t>
  </si>
  <si>
    <t>第060012号</t>
  </si>
  <si>
    <t>第060028号</t>
  </si>
  <si>
    <t>第060016号</t>
  </si>
  <si>
    <t>三浦市南下浦町上宮田536</t>
    <phoneticPr fontId="2"/>
  </si>
  <si>
    <t>第060076号</t>
  </si>
  <si>
    <t>第060033号</t>
  </si>
  <si>
    <t>第060065号</t>
  </si>
  <si>
    <t>三浦市南下浦町上宮田603</t>
    <phoneticPr fontId="2"/>
  </si>
  <si>
    <t>第060057号</t>
  </si>
  <si>
    <t>第060040号</t>
  </si>
  <si>
    <t>第060005号</t>
  </si>
  <si>
    <t>第060022号</t>
  </si>
  <si>
    <t>三浦市南下浦町上宮田3314</t>
    <phoneticPr fontId="2"/>
  </si>
  <si>
    <t>第060056号</t>
  </si>
  <si>
    <t>三浦市南下浦町上宮田3443</t>
    <phoneticPr fontId="2"/>
  </si>
  <si>
    <t>第060014号</t>
  </si>
  <si>
    <t>第060055号</t>
  </si>
  <si>
    <t>第060037号</t>
  </si>
  <si>
    <t>第060064号</t>
  </si>
  <si>
    <t>第060051号</t>
  </si>
  <si>
    <t>第060072号</t>
  </si>
  <si>
    <t>第060043号</t>
  </si>
  <si>
    <t>第060026号</t>
  </si>
  <si>
    <t>第060004号</t>
  </si>
  <si>
    <t>No</t>
    <phoneticPr fontId="1"/>
  </si>
  <si>
    <t>マホロバマインズ三浦</t>
    <rPh sb="8" eb="10">
      <t>ミウラ</t>
    </rPh>
    <phoneticPr fontId="1"/>
  </si>
  <si>
    <t>民宿でぐち荘</t>
    <phoneticPr fontId="1"/>
  </si>
  <si>
    <t>三浦市三崎町諸磯１７８３番地</t>
    <phoneticPr fontId="1"/>
  </si>
  <si>
    <t>第060077号</t>
    <rPh sb="0" eb="1">
      <t>ダイ</t>
    </rPh>
    <rPh sb="7" eb="8">
      <t>ゴウ</t>
    </rPh>
    <phoneticPr fontId="1"/>
  </si>
  <si>
    <t>THE HOUSE marina suite</t>
    <phoneticPr fontId="1"/>
  </si>
  <si>
    <t>三浦市三崎町小網代1172-10</t>
    <phoneticPr fontId="1"/>
  </si>
  <si>
    <t>第060078号</t>
    <rPh sb="0" eb="1">
      <t>ダイ</t>
    </rPh>
    <rPh sb="7" eb="8">
      <t>ゴウ</t>
    </rPh>
    <phoneticPr fontId="1"/>
  </si>
  <si>
    <t>城ヶ島さんご荘</t>
    <phoneticPr fontId="1"/>
  </si>
  <si>
    <t>三浦市三崎町城ケ島674</t>
    <phoneticPr fontId="1"/>
  </si>
  <si>
    <t>第060079号</t>
    <rPh sb="0" eb="1">
      <t>ダイ</t>
    </rPh>
    <rPh sb="7" eb="8">
      <t>ゴウ</t>
    </rPh>
    <phoneticPr fontId="1"/>
  </si>
  <si>
    <t>ｍｏｒｏｉｓｏｓｏ</t>
    <phoneticPr fontId="1"/>
  </si>
  <si>
    <t>第060080号</t>
    <rPh sb="0" eb="1">
      <t>ダイ</t>
    </rPh>
    <rPh sb="7" eb="8">
      <t>ゴウ</t>
    </rPh>
    <phoneticPr fontId="1"/>
  </si>
  <si>
    <t>ＣＡＲＯ－ＦＯＲＥＳＴＡ　城ケ島遊ケ崎ＢＡＳＥ</t>
    <phoneticPr fontId="1"/>
  </si>
  <si>
    <t>三浦市三崎町城ケ島３７２－１</t>
    <rPh sb="0" eb="2">
      <t>ミウラ</t>
    </rPh>
    <rPh sb="2" eb="3">
      <t>シ</t>
    </rPh>
    <phoneticPr fontId="1"/>
  </si>
  <si>
    <t>第060081号</t>
    <rPh sb="0" eb="1">
      <t>ダイ</t>
    </rPh>
    <rPh sb="7" eb="8">
      <t>ゴウ</t>
    </rPh>
    <phoneticPr fontId="1"/>
  </si>
  <si>
    <r>
      <t>わん’s</t>
    </r>
    <r>
      <rPr>
        <sz val="10.5"/>
        <rFont val="ＭＳ Ｐゴシック"/>
        <family val="3"/>
        <charset val="128"/>
      </rPr>
      <t xml:space="preserve"> </t>
    </r>
    <r>
      <rPr>
        <sz val="14"/>
        <rFont val="ＭＳ Ｐゴシック"/>
        <family val="3"/>
        <charset val="128"/>
      </rPr>
      <t xml:space="preserve"> LAND　三浦海岸</t>
    </r>
    <phoneticPr fontId="2"/>
  </si>
  <si>
    <t>三浦市三崎町諸磯字浜ノ原１８６８番５</t>
    <rPh sb="0" eb="2">
      <t>ミウラ</t>
    </rPh>
    <rPh sb="2" eb="3">
      <t>シ</t>
    </rPh>
    <rPh sb="3" eb="5">
      <t>ミサキ</t>
    </rPh>
    <rPh sb="5" eb="6">
      <t>マチ</t>
    </rPh>
    <phoneticPr fontId="1"/>
  </si>
  <si>
    <t>Ｂｅａｃｈｅｎｄ　Ｖｉｌｌａ　Ｂｌｕ</t>
    <phoneticPr fontId="1"/>
  </si>
  <si>
    <t>三浦市南下浦町金田１９５－２</t>
    <rPh sb="0" eb="2">
      <t>ミウラ</t>
    </rPh>
    <rPh sb="2" eb="3">
      <t>シ</t>
    </rPh>
    <phoneticPr fontId="1"/>
  </si>
  <si>
    <t>第060082号</t>
    <rPh sb="0" eb="1">
      <t>ダイ</t>
    </rPh>
    <rPh sb="7" eb="8">
      <t>ゴウ</t>
    </rPh>
    <phoneticPr fontId="1"/>
  </si>
  <si>
    <t>民宿ひきじ荘</t>
    <phoneticPr fontId="1"/>
  </si>
  <si>
    <t>三浦市初声町三戸1080</t>
    <rPh sb="0" eb="3">
      <t>ミウラシ</t>
    </rPh>
    <rPh sb="3" eb="6">
      <t>ハッセマチ</t>
    </rPh>
    <rPh sb="6" eb="8">
      <t>ミト</t>
    </rPh>
    <phoneticPr fontId="1"/>
  </si>
  <si>
    <t>第060083号</t>
    <rPh sb="0" eb="1">
      <t>ダイ</t>
    </rPh>
    <rPh sb="7" eb="8">
      <t>ゴウ</t>
    </rPh>
    <phoneticPr fontId="1"/>
  </si>
  <si>
    <t>鈴清丸</t>
    <phoneticPr fontId="1"/>
  </si>
  <si>
    <t>三浦市南下浦町松輪５５２</t>
    <rPh sb="0" eb="2">
      <t>ミウラ</t>
    </rPh>
    <rPh sb="2" eb="3">
      <t>シ</t>
    </rPh>
    <phoneticPr fontId="1"/>
  </si>
  <si>
    <t>第060085号</t>
    <rPh sb="0" eb="1">
      <t>ダイ</t>
    </rPh>
    <rPh sb="7" eb="8">
      <t>ゴウ</t>
    </rPh>
    <phoneticPr fontId="1"/>
  </si>
  <si>
    <t>三浦ＹＭＣＡグローバル・エコ・ヴィレッジ</t>
    <phoneticPr fontId="1"/>
  </si>
  <si>
    <t>第060086号</t>
    <rPh sb="0" eb="1">
      <t>ダイ</t>
    </rPh>
    <rPh sb="7" eb="8">
      <t>ゴウ</t>
    </rPh>
    <phoneticPr fontId="1"/>
  </si>
  <si>
    <t>三浦市初声町和田３１３６</t>
    <rPh sb="0" eb="2">
      <t>ミウラ</t>
    </rPh>
    <rPh sb="2" eb="3">
      <t>シ</t>
    </rPh>
    <phoneticPr fontId="1"/>
  </si>
  <si>
    <t>江戸の蔵宿</t>
    <phoneticPr fontId="1"/>
  </si>
  <si>
    <t>三浦市三崎３－２－１７</t>
    <rPh sb="0" eb="2">
      <t>ミウラ</t>
    </rPh>
    <rPh sb="2" eb="3">
      <t>シ</t>
    </rPh>
    <phoneticPr fontId="1"/>
  </si>
  <si>
    <t>第060087号</t>
    <rPh sb="0" eb="1">
      <t>ダイ</t>
    </rPh>
    <rPh sb="7" eb="8">
      <t>ゴウ</t>
    </rPh>
    <phoneticPr fontId="1"/>
  </si>
  <si>
    <t>三浦半島の旅宿　三崎宿</t>
    <phoneticPr fontId="2"/>
  </si>
  <si>
    <t>スペースキーポイント　リビエラシーボニアマリーナ</t>
    <phoneticPr fontId="1"/>
  </si>
  <si>
    <t>三浦市三崎町小網代1286</t>
    <rPh sb="0" eb="2">
      <t>ミウラ</t>
    </rPh>
    <rPh sb="2" eb="3">
      <t>シ</t>
    </rPh>
    <phoneticPr fontId="1"/>
  </si>
  <si>
    <t>第060088号</t>
    <rPh sb="0" eb="1">
      <t>ダイ</t>
    </rPh>
    <rPh sb="7" eb="8">
      <t>ゴウ</t>
    </rPh>
    <phoneticPr fontId="1"/>
  </si>
  <si>
    <t>三浦市三崎５－１－１０</t>
    <phoneticPr fontId="1"/>
  </si>
  <si>
    <t>トライアルハウス　あるべ</t>
  </si>
  <si>
    <t>第060089号</t>
    <phoneticPr fontId="1"/>
  </si>
  <si>
    <t>三崎宿　本陣</t>
    <phoneticPr fontId="1"/>
  </si>
  <si>
    <t>三浦市三崎５－１－１６</t>
    <rPh sb="0" eb="3">
      <t>ミウラシ</t>
    </rPh>
    <phoneticPr fontId="1"/>
  </si>
  <si>
    <t>第060090号</t>
    <rPh sb="0" eb="1">
      <t>ダイ</t>
    </rPh>
    <rPh sb="7" eb="8">
      <t>ゴウ</t>
    </rPh>
    <phoneticPr fontId="1"/>
  </si>
  <si>
    <t>ＣＡＲＯ　ＦＯＲＥＳＴＡ　油壺ｇｌｏｂｅ</t>
  </si>
  <si>
    <t>三浦市三崎町小網代１２９８－１</t>
    <rPh sb="0" eb="2">
      <t>ミウラ</t>
    </rPh>
    <rPh sb="2" eb="3">
      <t>シ</t>
    </rPh>
    <phoneticPr fontId="1"/>
  </si>
  <si>
    <t>第060091号</t>
    <phoneticPr fontId="1"/>
  </si>
  <si>
    <t>三浦市三崎町城ケ島６５８番地１９０</t>
    <rPh sb="0" eb="3">
      <t>ミウラシ</t>
    </rPh>
    <phoneticPr fontId="1"/>
  </si>
  <si>
    <t>Maison de Vacances Jogashima</t>
    <phoneticPr fontId="1"/>
  </si>
  <si>
    <t>第060092号</t>
    <phoneticPr fontId="1"/>
  </si>
  <si>
    <t>三浦市三崎３－２－２２</t>
    <rPh sb="0" eb="2">
      <t>ミウラ</t>
    </rPh>
    <rPh sb="2" eb="3">
      <t>シ</t>
    </rPh>
    <phoneticPr fontId="1"/>
  </si>
  <si>
    <t>三崎宿　葉山商店</t>
    <phoneticPr fontId="1"/>
  </si>
  <si>
    <t>第060093号</t>
    <rPh sb="0" eb="1">
      <t>ダイ</t>
    </rPh>
    <rPh sb="7" eb="8">
      <t>ゴウ</t>
    </rPh>
    <phoneticPr fontId="1"/>
  </si>
  <si>
    <t>ブルーピリオド　ＭＩＵＲＡ</t>
    <phoneticPr fontId="1"/>
  </si>
  <si>
    <t>三浦市晴海町4-3</t>
    <rPh sb="3" eb="5">
      <t>ハルミ</t>
    </rPh>
    <rPh sb="5" eb="6">
      <t>マチ</t>
    </rPh>
    <phoneticPr fontId="1"/>
  </si>
  <si>
    <t>第060006号</t>
    <phoneticPr fontId="1"/>
  </si>
  <si>
    <t>第060094号</t>
    <phoneticPr fontId="1"/>
  </si>
  <si>
    <t>城山ゲストハウス悠々邸</t>
    <phoneticPr fontId="1"/>
  </si>
  <si>
    <t>三浦市城山町20-6</t>
    <rPh sb="0" eb="3">
      <t>ミウラシ</t>
    </rPh>
    <rPh sb="3" eb="5">
      <t>シロヤマ</t>
    </rPh>
    <rPh sb="5" eb="6">
      <t>マチ</t>
    </rPh>
    <phoneticPr fontId="1"/>
  </si>
  <si>
    <t>第060095号</t>
    <phoneticPr fontId="1"/>
  </si>
  <si>
    <t>三浦市三崎２－４－８</t>
    <rPh sb="0" eb="3">
      <t>ミウラシ</t>
    </rPh>
    <rPh sb="3" eb="5">
      <t>ミサキ</t>
    </rPh>
    <phoneticPr fontId="14"/>
  </si>
  <si>
    <t>三浦半島の旅宿三崎宿　入船</t>
    <phoneticPr fontId="1"/>
  </si>
  <si>
    <t>第060096号</t>
    <phoneticPr fontId="1"/>
  </si>
  <si>
    <t>三浦市初声町三戸１０６１</t>
    <phoneticPr fontId="1"/>
  </si>
  <si>
    <t>やまこ荘</t>
    <phoneticPr fontId="1"/>
  </si>
  <si>
    <t>第060097号</t>
    <phoneticPr fontId="1"/>
  </si>
  <si>
    <t>民宿　ＭＯＨＥＹＡ</t>
    <phoneticPr fontId="1"/>
  </si>
  <si>
    <t>三浦市南下浦町上宮田５６５</t>
    <phoneticPr fontId="1"/>
  </si>
  <si>
    <t>第060098号</t>
    <phoneticPr fontId="1"/>
  </si>
  <si>
    <t>第060038号</t>
  </si>
  <si>
    <t>ＳＴＯＫＥＤ　ｐｒｉｖａｔｅ　ｖｉｌｌａ　松輪</t>
    <phoneticPr fontId="1"/>
  </si>
  <si>
    <t>三浦市南下浦町松輪２５０</t>
    <rPh sb="0" eb="3">
      <t>ミウラシ</t>
    </rPh>
    <phoneticPr fontId="1"/>
  </si>
  <si>
    <t>つぎとはぎ</t>
    <phoneticPr fontId="1"/>
  </si>
  <si>
    <t>どまいま</t>
    <phoneticPr fontId="1"/>
  </si>
  <si>
    <t>三浦市三崎３丁目９ー３</t>
    <rPh sb="0" eb="2">
      <t>ミウラ</t>
    </rPh>
    <rPh sb="2" eb="3">
      <t>シ</t>
    </rPh>
    <phoneticPr fontId="1"/>
  </si>
  <si>
    <t>第060100号</t>
    <phoneticPr fontId="1"/>
  </si>
  <si>
    <t>三浦市三崎１丁目１１－５</t>
    <rPh sb="0" eb="2">
      <t>ミウラ</t>
    </rPh>
    <rPh sb="2" eb="3">
      <t>シ</t>
    </rPh>
    <phoneticPr fontId="1"/>
  </si>
  <si>
    <t>第060101号</t>
    <phoneticPr fontId="1"/>
  </si>
  <si>
    <t>三浦市三崎３－２－２２</t>
    <rPh sb="0" eb="3">
      <t>ミウラシ</t>
    </rPh>
    <phoneticPr fontId="1"/>
  </si>
  <si>
    <t>三浦半島の旅宿　三崎宿　海南</t>
    <phoneticPr fontId="1"/>
  </si>
  <si>
    <t>第060103号</t>
    <phoneticPr fontId="1"/>
  </si>
  <si>
    <t>三浦市南下浦町上宮田１４４５番１６</t>
    <rPh sb="0" eb="2">
      <t>ミウラ</t>
    </rPh>
    <rPh sb="2" eb="3">
      <t>シ</t>
    </rPh>
    <phoneticPr fontId="1"/>
  </si>
  <si>
    <t>ＷＩＴＨ　ＳＥＡ　三浦海岸</t>
    <phoneticPr fontId="1"/>
  </si>
  <si>
    <t>第060104号</t>
    <phoneticPr fontId="1"/>
  </si>
  <si>
    <t>三崎口プライベートヴィラ</t>
    <phoneticPr fontId="1"/>
  </si>
  <si>
    <t>三浦市初声町三戸１－７</t>
    <rPh sb="0" eb="3">
      <t>ミウラシ</t>
    </rPh>
    <phoneticPr fontId="1"/>
  </si>
  <si>
    <t>第060105号</t>
    <phoneticPr fontId="1"/>
  </si>
  <si>
    <t>鮪のわらやき屋宿</t>
    <phoneticPr fontId="1"/>
  </si>
  <si>
    <t>三浦市三崎１－１１－４</t>
    <rPh sb="0" eb="3">
      <t>ミウラシ</t>
    </rPh>
    <phoneticPr fontId="1"/>
  </si>
  <si>
    <t>第060106号</t>
    <phoneticPr fontId="1"/>
  </si>
  <si>
    <t>Ｔｈｅ　Ｓｅｌｏｒａ　Ｍｉｕｒａ</t>
    <phoneticPr fontId="1"/>
  </si>
  <si>
    <t>三浦市南下浦町上宮田３５２２－６</t>
    <rPh sb="0" eb="3">
      <t>ミウラシ</t>
    </rPh>
    <phoneticPr fontId="1"/>
  </si>
  <si>
    <t>第060107号</t>
    <phoneticPr fontId="1"/>
  </si>
  <si>
    <t>三浦市晴海町６－１４</t>
    <rPh sb="0" eb="3">
      <t>ミウラシ</t>
    </rPh>
    <phoneticPr fontId="1"/>
  </si>
  <si>
    <t>Ｓｔａｙ＆Ｓｔｙｌｅ　ＨＡＲＵＭＩ</t>
    <phoneticPr fontId="1"/>
  </si>
  <si>
    <t>第060108号</t>
    <phoneticPr fontId="1"/>
  </si>
  <si>
    <t>旅館業法許可施設一覧(令和７年９月30日現在）　　鎌倉保健福祉事務所三崎センター所管域（三浦市）</t>
    <rPh sb="0" eb="4">
      <t>リョカンギョウホウ</t>
    </rPh>
    <rPh sb="4" eb="6">
      <t>キョカ</t>
    </rPh>
    <rPh sb="6" eb="8">
      <t>シセツ</t>
    </rPh>
    <rPh sb="8" eb="10">
      <t>イチ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4"/>
      <name val="沂犂茠荓荖荢"/>
      <family val="3"/>
      <charset val="128"/>
    </font>
    <font>
      <sz val="12"/>
      <name val="ＭＳ 明朝"/>
      <family val="2"/>
      <charset val="128"/>
    </font>
    <font>
      <sz val="11"/>
      <color indexed="8"/>
      <name val="ＭＳ Ｐゴシック"/>
      <family val="3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4"/>
      <name val="ＭＳ ゴシック"/>
      <family val="3"/>
      <charset val="128"/>
    </font>
    <font>
      <sz val="10.5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</font>
    <font>
      <sz val="14"/>
      <color theme="1"/>
      <name val="ＭＳ ゴシック"/>
      <family val="3"/>
      <charset val="128"/>
    </font>
    <font>
      <sz val="14"/>
      <color theme="1"/>
      <name val="沂犂茠荓荖荢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3" fillId="0" borderId="0"/>
    <xf numFmtId="0" fontId="3" fillId="0" borderId="0"/>
  </cellStyleXfs>
  <cellXfs count="21">
    <xf numFmtId="0" fontId="0" fillId="0" borderId="0" xfId="0">
      <alignment vertical="center"/>
    </xf>
    <xf numFmtId="0" fontId="6" fillId="0" borderId="1" xfId="0" applyFont="1" applyFill="1" applyBorder="1" applyAlignment="1">
      <alignment vertical="center" shrinkToFit="1"/>
    </xf>
    <xf numFmtId="0" fontId="6" fillId="2" borderId="1" xfId="0" applyFont="1" applyFill="1" applyBorder="1" applyAlignment="1">
      <alignment horizontal="center" vertical="center" shrinkToFit="1"/>
    </xf>
    <xf numFmtId="0" fontId="7" fillId="0" borderId="1" xfId="2" applyFont="1" applyFill="1" applyBorder="1" applyAlignment="1">
      <alignment horizontal="left" vertical="center" shrinkToFit="1"/>
    </xf>
    <xf numFmtId="0" fontId="6" fillId="0" borderId="1" xfId="2" applyFont="1" applyFill="1" applyBorder="1" applyAlignment="1">
      <alignment horizontal="left" vertical="center" shrinkToFit="1"/>
    </xf>
    <xf numFmtId="0" fontId="5" fillId="0" borderId="1" xfId="0" applyFont="1" applyFill="1" applyBorder="1" applyAlignment="1">
      <alignment horizontal="left" vertical="center" shrinkToFit="1"/>
    </xf>
    <xf numFmtId="0" fontId="4" fillId="0" borderId="1" xfId="0" applyFont="1" applyFill="1" applyBorder="1" applyAlignment="1">
      <alignment vertical="center" shrinkToFit="1"/>
    </xf>
    <xf numFmtId="0" fontId="15" fillId="0" borderId="1" xfId="0" applyFont="1" applyFill="1" applyBorder="1" applyAlignment="1">
      <alignment vertical="center" shrinkToFit="1"/>
    </xf>
    <xf numFmtId="0" fontId="17" fillId="0" borderId="1" xfId="2" applyFont="1" applyFill="1" applyBorder="1" applyAlignment="1">
      <alignment horizontal="left" vertical="center" shrinkToFit="1"/>
    </xf>
    <xf numFmtId="0" fontId="15" fillId="0" borderId="1" xfId="0" applyFont="1" applyFill="1" applyBorder="1" applyAlignment="1">
      <alignment horizontal="left" vertical="center" shrinkToFit="1"/>
    </xf>
    <xf numFmtId="0" fontId="4" fillId="0" borderId="1" xfId="2" applyFont="1" applyFill="1" applyBorder="1" applyAlignment="1">
      <alignment horizontal="left" vertical="center" shrinkToFit="1"/>
    </xf>
    <xf numFmtId="0" fontId="4" fillId="0" borderId="1" xfId="0" applyFont="1" applyFill="1" applyBorder="1" applyAlignment="1">
      <alignment horizontal="left" shrinkToFit="1"/>
    </xf>
    <xf numFmtId="0" fontId="15" fillId="0" borderId="1" xfId="2" applyFont="1" applyFill="1" applyBorder="1" applyAlignment="1">
      <alignment horizontal="left" vertical="center" shrinkToFit="1"/>
    </xf>
    <xf numFmtId="0" fontId="6" fillId="0" borderId="0" xfId="0" applyFont="1" applyBorder="1" applyAlignment="1">
      <alignment vertical="center" shrinkToFit="1"/>
    </xf>
    <xf numFmtId="0" fontId="11" fillId="0" borderId="0" xfId="0" applyFont="1" applyBorder="1" applyAlignment="1">
      <alignment vertical="center" shrinkToFit="1"/>
    </xf>
    <xf numFmtId="0" fontId="8" fillId="0" borderId="0" xfId="0" applyFont="1" applyBorder="1" applyAlignment="1">
      <alignment vertical="center" shrinkToFit="1"/>
    </xf>
    <xf numFmtId="0" fontId="0" fillId="0" borderId="0" xfId="0" applyFont="1" applyFill="1" applyBorder="1" applyAlignment="1">
      <alignment vertical="center" shrinkToFit="1"/>
    </xf>
    <xf numFmtId="49" fontId="12" fillId="0" borderId="1" xfId="0" applyNumberFormat="1" applyFont="1" applyFill="1" applyBorder="1" applyAlignment="1">
      <alignment horizontal="left" vertical="center"/>
    </xf>
    <xf numFmtId="49" fontId="16" fillId="0" borderId="1" xfId="0" applyNumberFormat="1" applyFont="1" applyFill="1" applyBorder="1" applyAlignment="1">
      <alignment horizontal="left" vertical="center"/>
    </xf>
    <xf numFmtId="49" fontId="4" fillId="0" borderId="1" xfId="0" applyNumberFormat="1" applyFont="1" applyBorder="1" applyAlignment="1">
      <alignment vertical="center" shrinkToFit="1"/>
    </xf>
    <xf numFmtId="0" fontId="10" fillId="0" borderId="0" xfId="0" applyFont="1" applyBorder="1" applyAlignment="1">
      <alignment horizontal="center" vertical="center" shrinkToFit="1"/>
    </xf>
  </cellXfs>
  <cellStyles count="3">
    <cellStyle name="標準" xfId="0" builtinId="0"/>
    <cellStyle name="標準 2" xfId="1"/>
    <cellStyle name="標準_Sheet1" xfId="2"/>
  </cellStyles>
  <dxfs count="1">
    <dxf>
      <fill>
        <patternFill>
          <bgColor rgb="FFFFA500"/>
        </patternFill>
      </fill>
    </dxf>
  </dxfs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A1:E142"/>
  <sheetViews>
    <sheetView tabSelected="1" view="pageBreakPreview" zoomScale="70" zoomScaleNormal="70" zoomScaleSheetLayoutView="70" workbookViewId="0">
      <pane ySplit="2" topLeftCell="A3" activePane="bottomLeft" state="frozen"/>
      <selection sqref="A1:D139"/>
      <selection pane="bottomLeft" activeCell="D70" sqref="D70"/>
    </sheetView>
  </sheetViews>
  <sheetFormatPr defaultColWidth="9" defaultRowHeight="23.1" customHeight="1"/>
  <cols>
    <col min="1" max="1" width="4.19921875" style="13" bestFit="1" customWidth="1"/>
    <col min="2" max="2" width="17.09765625" style="14" customWidth="1"/>
    <col min="3" max="3" width="54.59765625" style="14" customWidth="1"/>
    <col min="4" max="4" width="62.59765625" style="14" customWidth="1"/>
    <col min="5" max="5" width="14" style="14" customWidth="1"/>
    <col min="6" max="16384" width="9" style="15"/>
  </cols>
  <sheetData>
    <row r="1" spans="1:5" ht="23.1" customHeight="1">
      <c r="A1" s="20" t="s">
        <v>233</v>
      </c>
      <c r="B1" s="20"/>
      <c r="C1" s="20"/>
      <c r="D1" s="20"/>
      <c r="E1" s="20"/>
    </row>
    <row r="2" spans="1:5" ht="23.1" customHeight="1">
      <c r="A2" s="2" t="s">
        <v>138</v>
      </c>
      <c r="B2" s="2" t="s">
        <v>74</v>
      </c>
      <c r="C2" s="2" t="s">
        <v>0</v>
      </c>
      <c r="D2" s="2" t="s">
        <v>1</v>
      </c>
      <c r="E2" s="2" t="s">
        <v>2</v>
      </c>
    </row>
    <row r="3" spans="1:5" ht="23.1" customHeight="1">
      <c r="A3" s="1">
        <v>1</v>
      </c>
      <c r="B3" s="17" t="s">
        <v>76</v>
      </c>
      <c r="C3" s="3" t="s">
        <v>77</v>
      </c>
      <c r="D3" s="3" t="s">
        <v>4</v>
      </c>
      <c r="E3" s="5" t="s">
        <v>5</v>
      </c>
    </row>
    <row r="4" spans="1:5" ht="23.1" customHeight="1">
      <c r="A4" s="1">
        <v>2</v>
      </c>
      <c r="B4" s="17" t="s">
        <v>196</v>
      </c>
      <c r="C4" s="3" t="s">
        <v>194</v>
      </c>
      <c r="D4" s="3" t="s">
        <v>195</v>
      </c>
      <c r="E4" s="5" t="s">
        <v>3</v>
      </c>
    </row>
    <row r="5" spans="1:5" ht="23.1" customHeight="1">
      <c r="A5" s="1">
        <v>3</v>
      </c>
      <c r="B5" s="17" t="s">
        <v>223</v>
      </c>
      <c r="C5" s="3" t="s">
        <v>221</v>
      </c>
      <c r="D5" s="3" t="s">
        <v>222</v>
      </c>
      <c r="E5" s="5" t="s">
        <v>3</v>
      </c>
    </row>
    <row r="6" spans="1:5" ht="23.1" customHeight="1">
      <c r="A6" s="1">
        <v>4</v>
      </c>
      <c r="B6" s="17" t="s">
        <v>78</v>
      </c>
      <c r="C6" s="5" t="s">
        <v>79</v>
      </c>
      <c r="D6" s="5" t="s">
        <v>80</v>
      </c>
      <c r="E6" s="5" t="s">
        <v>75</v>
      </c>
    </row>
    <row r="7" spans="1:5" ht="23.1" customHeight="1">
      <c r="A7" s="1">
        <v>5</v>
      </c>
      <c r="B7" s="17" t="s">
        <v>81</v>
      </c>
      <c r="C7" s="5" t="s">
        <v>52</v>
      </c>
      <c r="D7" s="5" t="s">
        <v>82</v>
      </c>
      <c r="E7" s="5" t="s">
        <v>75</v>
      </c>
    </row>
    <row r="8" spans="1:5" ht="23.1" customHeight="1">
      <c r="A8" s="1">
        <v>6</v>
      </c>
      <c r="B8" s="17" t="s">
        <v>202</v>
      </c>
      <c r="C8" s="3" t="s">
        <v>201</v>
      </c>
      <c r="D8" s="3" t="s">
        <v>200</v>
      </c>
      <c r="E8" s="5" t="s">
        <v>3</v>
      </c>
    </row>
    <row r="9" spans="1:5" ht="23.1" customHeight="1">
      <c r="A9" s="1">
        <v>7</v>
      </c>
      <c r="B9" s="17" t="s">
        <v>83</v>
      </c>
      <c r="C9" s="5" t="s">
        <v>84</v>
      </c>
      <c r="D9" s="5" t="s">
        <v>53</v>
      </c>
      <c r="E9" s="5" t="s">
        <v>75</v>
      </c>
    </row>
    <row r="10" spans="1:5" ht="23.1" customHeight="1">
      <c r="A10" s="1">
        <v>8</v>
      </c>
      <c r="B10" s="17" t="s">
        <v>161</v>
      </c>
      <c r="C10" s="3" t="s">
        <v>159</v>
      </c>
      <c r="D10" s="3" t="s">
        <v>160</v>
      </c>
      <c r="E10" s="5" t="s">
        <v>3</v>
      </c>
    </row>
    <row r="11" spans="1:5" ht="23.1" customHeight="1">
      <c r="A11" s="1">
        <v>9</v>
      </c>
      <c r="B11" s="17" t="s">
        <v>85</v>
      </c>
      <c r="C11" s="3" t="s">
        <v>6</v>
      </c>
      <c r="D11" s="3" t="s">
        <v>7</v>
      </c>
      <c r="E11" s="5" t="s">
        <v>5</v>
      </c>
    </row>
    <row r="12" spans="1:5" ht="23.1" customHeight="1">
      <c r="A12" s="1">
        <v>10</v>
      </c>
      <c r="B12" s="17" t="s">
        <v>86</v>
      </c>
      <c r="C12" s="5" t="s">
        <v>65</v>
      </c>
      <c r="D12" s="5" t="s">
        <v>8</v>
      </c>
      <c r="E12" s="5" t="s">
        <v>75</v>
      </c>
    </row>
    <row r="13" spans="1:5" ht="23.1" customHeight="1">
      <c r="A13" s="1">
        <v>11</v>
      </c>
      <c r="B13" s="17" t="s">
        <v>87</v>
      </c>
      <c r="C13" s="5" t="s">
        <v>66</v>
      </c>
      <c r="D13" s="5" t="s">
        <v>88</v>
      </c>
      <c r="E13" s="5" t="s">
        <v>75</v>
      </c>
    </row>
    <row r="14" spans="1:5" ht="23.1" customHeight="1">
      <c r="A14" s="1">
        <v>12</v>
      </c>
      <c r="B14" s="17" t="s">
        <v>166</v>
      </c>
      <c r="C14" s="4" t="s">
        <v>165</v>
      </c>
      <c r="D14" s="3" t="s">
        <v>167</v>
      </c>
      <c r="E14" s="5" t="s">
        <v>3</v>
      </c>
    </row>
    <row r="15" spans="1:5" ht="23.1" customHeight="1">
      <c r="A15" s="1">
        <v>13</v>
      </c>
      <c r="B15" s="17" t="s">
        <v>226</v>
      </c>
      <c r="C15" s="4" t="s">
        <v>224</v>
      </c>
      <c r="D15" s="3" t="s">
        <v>225</v>
      </c>
      <c r="E15" s="5" t="s">
        <v>3</v>
      </c>
    </row>
    <row r="16" spans="1:5" ht="23.1" customHeight="1">
      <c r="A16" s="1">
        <v>14</v>
      </c>
      <c r="B16" s="18" t="s">
        <v>214</v>
      </c>
      <c r="C16" s="10" t="s">
        <v>210</v>
      </c>
      <c r="D16" s="8" t="s">
        <v>213</v>
      </c>
      <c r="E16" s="9" t="s">
        <v>3</v>
      </c>
    </row>
    <row r="17" spans="1:5" ht="23.1" customHeight="1">
      <c r="A17" s="1">
        <v>15</v>
      </c>
      <c r="B17" s="18" t="s">
        <v>89</v>
      </c>
      <c r="C17" s="8" t="s">
        <v>64</v>
      </c>
      <c r="D17" s="8" t="s">
        <v>63</v>
      </c>
      <c r="E17" s="9" t="s">
        <v>3</v>
      </c>
    </row>
    <row r="18" spans="1:5" ht="23.1" customHeight="1">
      <c r="A18" s="1">
        <v>16</v>
      </c>
      <c r="B18" s="18" t="s">
        <v>90</v>
      </c>
      <c r="C18" s="11" t="s">
        <v>91</v>
      </c>
      <c r="D18" s="12" t="s">
        <v>54</v>
      </c>
      <c r="E18" s="9" t="s">
        <v>5</v>
      </c>
    </row>
    <row r="19" spans="1:5" ht="23.1" customHeight="1">
      <c r="A19" s="1">
        <v>17</v>
      </c>
      <c r="B19" s="18" t="s">
        <v>92</v>
      </c>
      <c r="C19" s="7" t="s">
        <v>93</v>
      </c>
      <c r="D19" s="7" t="s">
        <v>94</v>
      </c>
      <c r="E19" s="6" t="s">
        <v>3</v>
      </c>
    </row>
    <row r="20" spans="1:5" ht="23.1" customHeight="1">
      <c r="A20" s="1">
        <v>18</v>
      </c>
      <c r="B20" s="18" t="s">
        <v>199</v>
      </c>
      <c r="C20" s="7" t="s">
        <v>198</v>
      </c>
      <c r="D20" s="19" t="s">
        <v>197</v>
      </c>
      <c r="E20" s="6" t="s">
        <v>3</v>
      </c>
    </row>
    <row r="21" spans="1:5" ht="23.1" customHeight="1">
      <c r="A21" s="1">
        <v>19</v>
      </c>
      <c r="B21" s="18" t="s">
        <v>95</v>
      </c>
      <c r="C21" s="9" t="s">
        <v>96</v>
      </c>
      <c r="D21" s="9" t="s">
        <v>55</v>
      </c>
      <c r="E21" s="9" t="s">
        <v>75</v>
      </c>
    </row>
    <row r="22" spans="1:5" ht="23.1" customHeight="1">
      <c r="A22" s="1">
        <v>20</v>
      </c>
      <c r="B22" s="18" t="s">
        <v>170</v>
      </c>
      <c r="C22" s="9" t="s">
        <v>168</v>
      </c>
      <c r="D22" s="9" t="s">
        <v>169</v>
      </c>
      <c r="E22" s="9" t="s">
        <v>3</v>
      </c>
    </row>
    <row r="23" spans="1:5" ht="23.1" customHeight="1">
      <c r="A23" s="1">
        <v>21</v>
      </c>
      <c r="B23" s="18" t="s">
        <v>189</v>
      </c>
      <c r="C23" s="9" t="s">
        <v>188</v>
      </c>
      <c r="D23" s="9" t="s">
        <v>187</v>
      </c>
      <c r="E23" s="9" t="s">
        <v>3</v>
      </c>
    </row>
    <row r="24" spans="1:5" ht="23.1" customHeight="1">
      <c r="A24" s="1">
        <v>22</v>
      </c>
      <c r="B24" s="18" t="s">
        <v>217</v>
      </c>
      <c r="C24" s="9" t="s">
        <v>216</v>
      </c>
      <c r="D24" s="9" t="s">
        <v>215</v>
      </c>
      <c r="E24" s="9" t="s">
        <v>3</v>
      </c>
    </row>
    <row r="25" spans="1:5" ht="23.1" customHeight="1">
      <c r="A25" s="1">
        <v>23</v>
      </c>
      <c r="B25" s="18" t="s">
        <v>212</v>
      </c>
      <c r="C25" s="9" t="s">
        <v>209</v>
      </c>
      <c r="D25" s="9" t="s">
        <v>211</v>
      </c>
      <c r="E25" s="9" t="s">
        <v>3</v>
      </c>
    </row>
    <row r="26" spans="1:5" ht="23.1" customHeight="1">
      <c r="A26" s="1">
        <v>24</v>
      </c>
      <c r="B26" s="18" t="s">
        <v>97</v>
      </c>
      <c r="C26" s="9" t="s">
        <v>171</v>
      </c>
      <c r="D26" s="9" t="s">
        <v>9</v>
      </c>
      <c r="E26" s="9" t="s">
        <v>5</v>
      </c>
    </row>
    <row r="27" spans="1:5" ht="23.1" customHeight="1">
      <c r="A27" s="1">
        <v>25</v>
      </c>
      <c r="B27" s="18" t="s">
        <v>180</v>
      </c>
      <c r="C27" s="9" t="s">
        <v>178</v>
      </c>
      <c r="D27" s="9" t="s">
        <v>179</v>
      </c>
      <c r="E27" s="9" t="s">
        <v>75</v>
      </c>
    </row>
    <row r="28" spans="1:5" ht="23.1" customHeight="1">
      <c r="A28" s="1">
        <v>26</v>
      </c>
      <c r="B28" s="17" t="s">
        <v>177</v>
      </c>
      <c r="C28" s="5" t="s">
        <v>176</v>
      </c>
      <c r="D28" s="5" t="s">
        <v>175</v>
      </c>
      <c r="E28" s="5" t="s">
        <v>3</v>
      </c>
    </row>
    <row r="29" spans="1:5" ht="23.1" customHeight="1">
      <c r="A29" s="1">
        <v>27</v>
      </c>
      <c r="B29" s="17" t="s">
        <v>98</v>
      </c>
      <c r="C29" s="5" t="s">
        <v>47</v>
      </c>
      <c r="D29" s="5" t="s">
        <v>67</v>
      </c>
      <c r="E29" s="5" t="s">
        <v>75</v>
      </c>
    </row>
    <row r="30" spans="1:5" ht="23.1" customHeight="1">
      <c r="A30" s="1">
        <v>28</v>
      </c>
      <c r="B30" s="17" t="s">
        <v>192</v>
      </c>
      <c r="C30" s="5" t="s">
        <v>68</v>
      </c>
      <c r="D30" s="5" t="s">
        <v>69</v>
      </c>
      <c r="E30" s="5" t="s">
        <v>75</v>
      </c>
    </row>
    <row r="31" spans="1:5" ht="23.1" customHeight="1">
      <c r="A31" s="1">
        <v>29</v>
      </c>
      <c r="B31" s="17" t="s">
        <v>193</v>
      </c>
      <c r="C31" s="5" t="s">
        <v>190</v>
      </c>
      <c r="D31" s="5" t="s">
        <v>191</v>
      </c>
      <c r="E31" s="5" t="s">
        <v>3</v>
      </c>
    </row>
    <row r="32" spans="1:5" ht="23.1" customHeight="1">
      <c r="A32" s="1">
        <v>30</v>
      </c>
      <c r="B32" s="17" t="s">
        <v>232</v>
      </c>
      <c r="C32" s="5" t="s">
        <v>231</v>
      </c>
      <c r="D32" s="5" t="s">
        <v>230</v>
      </c>
      <c r="E32" s="5" t="s">
        <v>3</v>
      </c>
    </row>
    <row r="33" spans="1:5" ht="23.1" customHeight="1">
      <c r="A33" s="1">
        <v>31</v>
      </c>
      <c r="B33" s="17" t="s">
        <v>99</v>
      </c>
      <c r="C33" s="5" t="s">
        <v>70</v>
      </c>
      <c r="D33" s="5" t="s">
        <v>48</v>
      </c>
      <c r="E33" s="5" t="s">
        <v>75</v>
      </c>
    </row>
    <row r="34" spans="1:5" ht="23.1" customHeight="1">
      <c r="A34" s="1">
        <v>32</v>
      </c>
      <c r="B34" s="17" t="s">
        <v>100</v>
      </c>
      <c r="C34" s="3" t="s">
        <v>10</v>
      </c>
      <c r="D34" s="3" t="s">
        <v>101</v>
      </c>
      <c r="E34" s="5" t="s">
        <v>5</v>
      </c>
    </row>
    <row r="35" spans="1:5" ht="23.1" customHeight="1">
      <c r="A35" s="1">
        <v>33</v>
      </c>
      <c r="B35" s="17" t="s">
        <v>102</v>
      </c>
      <c r="C35" s="5" t="s">
        <v>71</v>
      </c>
      <c r="D35" s="5" t="s">
        <v>49</v>
      </c>
      <c r="E35" s="5" t="s">
        <v>5</v>
      </c>
    </row>
    <row r="36" spans="1:5" ht="23.1" customHeight="1">
      <c r="A36" s="1">
        <v>34</v>
      </c>
      <c r="B36" s="17" t="s">
        <v>145</v>
      </c>
      <c r="C36" s="5" t="s">
        <v>143</v>
      </c>
      <c r="D36" s="5" t="s">
        <v>144</v>
      </c>
      <c r="E36" s="5" t="s">
        <v>75</v>
      </c>
    </row>
    <row r="37" spans="1:5" ht="23.1" customHeight="1">
      <c r="A37" s="1">
        <v>35</v>
      </c>
      <c r="B37" s="17" t="s">
        <v>174</v>
      </c>
      <c r="C37" s="5" t="s">
        <v>172</v>
      </c>
      <c r="D37" s="5" t="s">
        <v>173</v>
      </c>
      <c r="E37" s="5" t="s">
        <v>75</v>
      </c>
    </row>
    <row r="38" spans="1:5" ht="23.1" customHeight="1">
      <c r="A38" s="1">
        <v>36</v>
      </c>
      <c r="B38" s="17" t="s">
        <v>183</v>
      </c>
      <c r="C38" s="5" t="s">
        <v>181</v>
      </c>
      <c r="D38" s="5" t="s">
        <v>182</v>
      </c>
      <c r="E38" s="5" t="s">
        <v>75</v>
      </c>
    </row>
    <row r="39" spans="1:5" ht="23.1" customHeight="1">
      <c r="A39" s="1">
        <v>37</v>
      </c>
      <c r="B39" s="17" t="s">
        <v>103</v>
      </c>
      <c r="C39" s="5" t="s">
        <v>104</v>
      </c>
      <c r="D39" s="5" t="s">
        <v>56</v>
      </c>
      <c r="E39" s="5" t="s">
        <v>75</v>
      </c>
    </row>
    <row r="40" spans="1:5" ht="23.1" customHeight="1">
      <c r="A40" s="1">
        <v>38</v>
      </c>
      <c r="B40" s="17" t="s">
        <v>105</v>
      </c>
      <c r="C40" s="5" t="s">
        <v>106</v>
      </c>
      <c r="D40" s="5" t="s">
        <v>50</v>
      </c>
      <c r="E40" s="5" t="s">
        <v>75</v>
      </c>
    </row>
    <row r="41" spans="1:5" ht="23.1" customHeight="1">
      <c r="A41" s="1">
        <v>39</v>
      </c>
      <c r="B41" s="17" t="s">
        <v>107</v>
      </c>
      <c r="C41" s="3" t="s">
        <v>11</v>
      </c>
      <c r="D41" s="3" t="s">
        <v>12</v>
      </c>
      <c r="E41" s="5" t="s">
        <v>5</v>
      </c>
    </row>
    <row r="42" spans="1:5" ht="23.1" customHeight="1">
      <c r="A42" s="1">
        <v>40</v>
      </c>
      <c r="B42" s="17" t="s">
        <v>153</v>
      </c>
      <c r="C42" s="3" t="s">
        <v>151</v>
      </c>
      <c r="D42" s="3" t="s">
        <v>152</v>
      </c>
      <c r="E42" s="5" t="s">
        <v>75</v>
      </c>
    </row>
    <row r="43" spans="1:5" ht="23.1" customHeight="1">
      <c r="A43" s="1">
        <v>41</v>
      </c>
      <c r="B43" s="17" t="s">
        <v>108</v>
      </c>
      <c r="C43" s="3" t="s">
        <v>13</v>
      </c>
      <c r="D43" s="3" t="s">
        <v>14</v>
      </c>
      <c r="E43" s="5" t="s">
        <v>3</v>
      </c>
    </row>
    <row r="44" spans="1:5" ht="23.1" customHeight="1">
      <c r="A44" s="1">
        <v>42</v>
      </c>
      <c r="B44" s="17" t="s">
        <v>186</v>
      </c>
      <c r="C44" s="3" t="s">
        <v>185</v>
      </c>
      <c r="D44" s="3" t="s">
        <v>184</v>
      </c>
      <c r="E44" s="5" t="s">
        <v>3</v>
      </c>
    </row>
    <row r="45" spans="1:5" ht="23.1" customHeight="1">
      <c r="A45" s="1">
        <v>43</v>
      </c>
      <c r="B45" s="17" t="s">
        <v>148</v>
      </c>
      <c r="C45" s="3" t="s">
        <v>146</v>
      </c>
      <c r="D45" s="3" t="s">
        <v>147</v>
      </c>
      <c r="E45" s="5" t="s">
        <v>75</v>
      </c>
    </row>
    <row r="46" spans="1:5" ht="23.1" customHeight="1">
      <c r="A46" s="1">
        <v>44</v>
      </c>
      <c r="B46" s="17" t="s">
        <v>109</v>
      </c>
      <c r="C46" s="3" t="s">
        <v>15</v>
      </c>
      <c r="D46" s="3" t="s">
        <v>16</v>
      </c>
      <c r="E46" s="5" t="s">
        <v>5</v>
      </c>
    </row>
    <row r="47" spans="1:5" ht="23.1" customHeight="1">
      <c r="A47" s="1">
        <v>45</v>
      </c>
      <c r="B47" s="17" t="s">
        <v>110</v>
      </c>
      <c r="C47" s="3" t="s">
        <v>17</v>
      </c>
      <c r="D47" s="3" t="s">
        <v>18</v>
      </c>
      <c r="E47" s="5" t="s">
        <v>5</v>
      </c>
    </row>
    <row r="48" spans="1:5" ht="23.1" customHeight="1">
      <c r="A48" s="1">
        <v>46</v>
      </c>
      <c r="B48" s="17" t="s">
        <v>111</v>
      </c>
      <c r="C48" s="5" t="s">
        <v>57</v>
      </c>
      <c r="D48" s="5" t="s">
        <v>112</v>
      </c>
      <c r="E48" s="5" t="s">
        <v>75</v>
      </c>
    </row>
    <row r="49" spans="1:5" ht="23.1" customHeight="1">
      <c r="A49" s="1">
        <v>47</v>
      </c>
      <c r="B49" s="17" t="s">
        <v>113</v>
      </c>
      <c r="C49" s="3" t="s">
        <v>19</v>
      </c>
      <c r="D49" s="3" t="s">
        <v>20</v>
      </c>
      <c r="E49" s="5" t="s">
        <v>5</v>
      </c>
    </row>
    <row r="50" spans="1:5" ht="23.1" customHeight="1">
      <c r="A50" s="1">
        <v>48</v>
      </c>
      <c r="B50" s="17" t="s">
        <v>142</v>
      </c>
      <c r="C50" s="5" t="s">
        <v>140</v>
      </c>
      <c r="D50" s="3" t="s">
        <v>141</v>
      </c>
      <c r="E50" s="5" t="s">
        <v>3</v>
      </c>
    </row>
    <row r="51" spans="1:5" ht="23.1" customHeight="1">
      <c r="A51" s="1">
        <v>49</v>
      </c>
      <c r="B51" s="17" t="s">
        <v>150</v>
      </c>
      <c r="C51" s="5" t="s">
        <v>149</v>
      </c>
      <c r="D51" s="3" t="s">
        <v>155</v>
      </c>
      <c r="E51" s="5" t="s">
        <v>75</v>
      </c>
    </row>
    <row r="52" spans="1:5" s="16" customFormat="1" ht="23.1" customHeight="1">
      <c r="A52" s="1">
        <v>50</v>
      </c>
      <c r="B52" s="17" t="s">
        <v>158</v>
      </c>
      <c r="C52" s="5" t="s">
        <v>156</v>
      </c>
      <c r="D52" s="5" t="s">
        <v>157</v>
      </c>
      <c r="E52" s="5" t="s">
        <v>3</v>
      </c>
    </row>
    <row r="53" spans="1:5" ht="23.1" customHeight="1">
      <c r="A53" s="1">
        <v>51</v>
      </c>
      <c r="B53" s="17" t="s">
        <v>114</v>
      </c>
      <c r="C53" s="3" t="s">
        <v>58</v>
      </c>
      <c r="D53" s="3" t="s">
        <v>21</v>
      </c>
      <c r="E53" s="5" t="s">
        <v>5</v>
      </c>
    </row>
    <row r="54" spans="1:5" ht="23.1" customHeight="1">
      <c r="A54" s="1">
        <v>52</v>
      </c>
      <c r="B54" s="17" t="s">
        <v>220</v>
      </c>
      <c r="C54" s="3" t="s">
        <v>219</v>
      </c>
      <c r="D54" s="3" t="s">
        <v>218</v>
      </c>
      <c r="E54" s="5" t="s">
        <v>3</v>
      </c>
    </row>
    <row r="55" spans="1:5" ht="23.1" customHeight="1">
      <c r="A55" s="1">
        <v>53</v>
      </c>
      <c r="B55" s="17" t="s">
        <v>229</v>
      </c>
      <c r="C55" s="3" t="s">
        <v>227</v>
      </c>
      <c r="D55" s="3" t="s">
        <v>228</v>
      </c>
      <c r="E55" s="5" t="s">
        <v>3</v>
      </c>
    </row>
    <row r="56" spans="1:5" ht="23.1" customHeight="1">
      <c r="A56" s="1">
        <v>54</v>
      </c>
      <c r="B56" s="17" t="s">
        <v>115</v>
      </c>
      <c r="C56" s="3" t="s">
        <v>27</v>
      </c>
      <c r="D56" s="3" t="s">
        <v>28</v>
      </c>
      <c r="E56" s="5" t="s">
        <v>5</v>
      </c>
    </row>
    <row r="57" spans="1:5" ht="23.1" customHeight="1">
      <c r="A57" s="1">
        <v>55</v>
      </c>
      <c r="B57" s="17" t="s">
        <v>116</v>
      </c>
      <c r="C57" s="5" t="s">
        <v>72</v>
      </c>
      <c r="D57" s="5" t="s">
        <v>117</v>
      </c>
      <c r="E57" s="5" t="s">
        <v>75</v>
      </c>
    </row>
    <row r="58" spans="1:5" ht="23.1" customHeight="1">
      <c r="A58" s="1">
        <v>56</v>
      </c>
      <c r="B58" s="17" t="s">
        <v>118</v>
      </c>
      <c r="C58" s="5" t="s">
        <v>154</v>
      </c>
      <c r="D58" s="3" t="s">
        <v>62</v>
      </c>
      <c r="E58" s="5" t="s">
        <v>75</v>
      </c>
    </row>
    <row r="59" spans="1:5" ht="23.1" customHeight="1">
      <c r="A59" s="1">
        <v>57</v>
      </c>
      <c r="B59" s="18" t="s">
        <v>205</v>
      </c>
      <c r="C59" s="9" t="s">
        <v>203</v>
      </c>
      <c r="D59" s="8" t="s">
        <v>204</v>
      </c>
      <c r="E59" s="9" t="s">
        <v>3</v>
      </c>
    </row>
    <row r="60" spans="1:5" ht="23.1" customHeight="1">
      <c r="A60" s="1">
        <v>58</v>
      </c>
      <c r="B60" s="17" t="s">
        <v>119</v>
      </c>
      <c r="C60" s="3" t="s">
        <v>29</v>
      </c>
      <c r="D60" s="3" t="s">
        <v>30</v>
      </c>
      <c r="E60" s="5" t="s">
        <v>5</v>
      </c>
    </row>
    <row r="61" spans="1:5" ht="23.1" customHeight="1">
      <c r="A61" s="1">
        <v>59</v>
      </c>
      <c r="B61" s="17" t="s">
        <v>120</v>
      </c>
      <c r="C61" s="3" t="s">
        <v>31</v>
      </c>
      <c r="D61" s="3" t="s">
        <v>121</v>
      </c>
      <c r="E61" s="5" t="s">
        <v>5</v>
      </c>
    </row>
    <row r="62" spans="1:5" ht="23.1" customHeight="1">
      <c r="A62" s="1">
        <v>60</v>
      </c>
      <c r="B62" s="17" t="s">
        <v>122</v>
      </c>
      <c r="C62" s="3" t="s">
        <v>22</v>
      </c>
      <c r="D62" s="3" t="s">
        <v>59</v>
      </c>
      <c r="E62" s="5" t="s">
        <v>5</v>
      </c>
    </row>
    <row r="63" spans="1:5" ht="23.1" customHeight="1">
      <c r="A63" s="1">
        <v>61</v>
      </c>
      <c r="B63" s="17" t="s">
        <v>123</v>
      </c>
      <c r="C63" s="5" t="s">
        <v>51</v>
      </c>
      <c r="D63" s="5" t="s">
        <v>61</v>
      </c>
      <c r="E63" s="5" t="s">
        <v>75</v>
      </c>
    </row>
    <row r="64" spans="1:5" ht="23.1" customHeight="1">
      <c r="A64" s="1">
        <v>62</v>
      </c>
      <c r="B64" s="17" t="s">
        <v>124</v>
      </c>
      <c r="C64" s="3" t="s">
        <v>23</v>
      </c>
      <c r="D64" s="3" t="s">
        <v>60</v>
      </c>
      <c r="E64" s="5" t="s">
        <v>5</v>
      </c>
    </row>
    <row r="65" spans="1:5" ht="23.1" customHeight="1">
      <c r="A65" s="1">
        <v>63</v>
      </c>
      <c r="B65" s="17" t="s">
        <v>125</v>
      </c>
      <c r="C65" s="5" t="s">
        <v>73</v>
      </c>
      <c r="D65" s="5" t="s">
        <v>126</v>
      </c>
      <c r="E65" s="5" t="s">
        <v>75</v>
      </c>
    </row>
    <row r="66" spans="1:5" ht="23.1" customHeight="1">
      <c r="A66" s="1">
        <v>64</v>
      </c>
      <c r="B66" s="17" t="s">
        <v>127</v>
      </c>
      <c r="C66" s="3" t="s">
        <v>24</v>
      </c>
      <c r="D66" s="3" t="s">
        <v>128</v>
      </c>
      <c r="E66" s="5" t="s">
        <v>5</v>
      </c>
    </row>
    <row r="67" spans="1:5" ht="23.1" customHeight="1">
      <c r="A67" s="1">
        <v>65</v>
      </c>
      <c r="B67" s="17" t="s">
        <v>129</v>
      </c>
      <c r="C67" s="3" t="s">
        <v>25</v>
      </c>
      <c r="D67" s="3" t="s">
        <v>26</v>
      </c>
      <c r="E67" s="5" t="s">
        <v>5</v>
      </c>
    </row>
    <row r="68" spans="1:5" ht="23.1" customHeight="1">
      <c r="A68" s="1">
        <v>66</v>
      </c>
      <c r="B68" s="17" t="s">
        <v>130</v>
      </c>
      <c r="C68" s="5" t="s">
        <v>139</v>
      </c>
      <c r="D68" s="5" t="s">
        <v>32</v>
      </c>
      <c r="E68" s="5" t="s">
        <v>75</v>
      </c>
    </row>
    <row r="69" spans="1:5" ht="23.1" customHeight="1">
      <c r="A69" s="1">
        <v>67</v>
      </c>
      <c r="B69" s="17" t="s">
        <v>131</v>
      </c>
      <c r="C69" s="3" t="s">
        <v>33</v>
      </c>
      <c r="D69" s="3" t="s">
        <v>34</v>
      </c>
      <c r="E69" s="5" t="s">
        <v>5</v>
      </c>
    </row>
    <row r="70" spans="1:5" ht="23.1" customHeight="1">
      <c r="A70" s="1">
        <v>68</v>
      </c>
      <c r="B70" s="18" t="s">
        <v>206</v>
      </c>
      <c r="C70" s="8" t="s">
        <v>207</v>
      </c>
      <c r="D70" s="10" t="s">
        <v>208</v>
      </c>
      <c r="E70" s="9" t="s">
        <v>5</v>
      </c>
    </row>
    <row r="71" spans="1:5" ht="23.1" customHeight="1">
      <c r="A71" s="1">
        <v>69</v>
      </c>
      <c r="B71" s="17" t="s">
        <v>164</v>
      </c>
      <c r="C71" s="5" t="s">
        <v>162</v>
      </c>
      <c r="D71" s="5" t="s">
        <v>163</v>
      </c>
      <c r="E71" s="5" t="s">
        <v>75</v>
      </c>
    </row>
    <row r="72" spans="1:5" ht="23.1" customHeight="1">
      <c r="A72" s="1">
        <v>70</v>
      </c>
      <c r="B72" s="17" t="s">
        <v>132</v>
      </c>
      <c r="C72" s="3" t="s">
        <v>35</v>
      </c>
      <c r="D72" s="3" t="s">
        <v>36</v>
      </c>
      <c r="E72" s="5" t="s">
        <v>75</v>
      </c>
    </row>
    <row r="73" spans="1:5" ht="23.1" customHeight="1">
      <c r="A73" s="1">
        <v>71</v>
      </c>
      <c r="B73" s="17" t="s">
        <v>133</v>
      </c>
      <c r="C73" s="3" t="s">
        <v>37</v>
      </c>
      <c r="D73" s="3" t="s">
        <v>38</v>
      </c>
      <c r="E73" s="5" t="s">
        <v>5</v>
      </c>
    </row>
    <row r="74" spans="1:5" ht="23.1" customHeight="1">
      <c r="A74" s="1">
        <v>72</v>
      </c>
      <c r="B74" s="17" t="s">
        <v>134</v>
      </c>
      <c r="C74" s="3" t="s">
        <v>46</v>
      </c>
      <c r="D74" s="3" t="s">
        <v>39</v>
      </c>
      <c r="E74" s="5" t="s">
        <v>5</v>
      </c>
    </row>
    <row r="75" spans="1:5" ht="23.1" customHeight="1">
      <c r="A75" s="1">
        <v>73</v>
      </c>
      <c r="B75" s="17" t="s">
        <v>135</v>
      </c>
      <c r="C75" s="3" t="s">
        <v>40</v>
      </c>
      <c r="D75" s="3" t="s">
        <v>41</v>
      </c>
      <c r="E75" s="5" t="s">
        <v>5</v>
      </c>
    </row>
    <row r="76" spans="1:5" ht="23.1" customHeight="1">
      <c r="A76" s="1">
        <v>74</v>
      </c>
      <c r="B76" s="17" t="s">
        <v>136</v>
      </c>
      <c r="C76" s="3" t="s">
        <v>42</v>
      </c>
      <c r="D76" s="3" t="s">
        <v>43</v>
      </c>
      <c r="E76" s="5" t="s">
        <v>5</v>
      </c>
    </row>
    <row r="77" spans="1:5" ht="23.1" customHeight="1">
      <c r="A77" s="1">
        <v>75</v>
      </c>
      <c r="B77" s="17" t="s">
        <v>137</v>
      </c>
      <c r="C77" s="3" t="s">
        <v>44</v>
      </c>
      <c r="D77" s="3" t="s">
        <v>45</v>
      </c>
      <c r="E77" s="5" t="s">
        <v>5</v>
      </c>
    </row>
    <row r="78" spans="1:5" ht="23.1" customHeight="1">
      <c r="C78" s="13"/>
      <c r="D78" s="13"/>
      <c r="E78" s="13"/>
    </row>
    <row r="79" spans="1:5" ht="23.1" customHeight="1">
      <c r="C79" s="13"/>
      <c r="D79" s="13"/>
      <c r="E79" s="13"/>
    </row>
    <row r="80" spans="1:5" ht="23.1" customHeight="1">
      <c r="C80" s="13"/>
      <c r="D80" s="13"/>
      <c r="E80" s="13"/>
    </row>
    <row r="81" spans="3:5" ht="23.1" customHeight="1">
      <c r="C81" s="13"/>
      <c r="D81" s="13"/>
      <c r="E81" s="13"/>
    </row>
    <row r="82" spans="3:5" ht="23.1" customHeight="1">
      <c r="C82" s="13"/>
      <c r="D82" s="13"/>
      <c r="E82" s="13"/>
    </row>
    <row r="83" spans="3:5" ht="23.1" customHeight="1">
      <c r="C83" s="13"/>
      <c r="D83" s="13"/>
      <c r="E83" s="13"/>
    </row>
    <row r="84" spans="3:5" ht="23.1" customHeight="1">
      <c r="C84" s="13"/>
      <c r="D84" s="13"/>
      <c r="E84" s="13"/>
    </row>
    <row r="85" spans="3:5" ht="23.1" customHeight="1">
      <c r="C85" s="13"/>
      <c r="D85" s="13"/>
      <c r="E85" s="13"/>
    </row>
    <row r="86" spans="3:5" ht="23.1" customHeight="1">
      <c r="C86" s="13"/>
      <c r="D86" s="13"/>
      <c r="E86" s="13"/>
    </row>
    <row r="87" spans="3:5" ht="23.1" customHeight="1">
      <c r="C87" s="13"/>
      <c r="D87" s="13"/>
      <c r="E87" s="13"/>
    </row>
    <row r="88" spans="3:5" ht="23.1" customHeight="1">
      <c r="C88" s="13"/>
      <c r="D88" s="13"/>
      <c r="E88" s="13"/>
    </row>
    <row r="89" spans="3:5" ht="23.1" customHeight="1">
      <c r="C89" s="13"/>
      <c r="D89" s="13"/>
      <c r="E89" s="13"/>
    </row>
    <row r="90" spans="3:5" ht="23.1" customHeight="1">
      <c r="C90" s="13"/>
      <c r="D90" s="13"/>
      <c r="E90" s="13"/>
    </row>
    <row r="91" spans="3:5" ht="23.1" customHeight="1">
      <c r="C91" s="13"/>
      <c r="D91" s="13"/>
      <c r="E91" s="13"/>
    </row>
    <row r="92" spans="3:5" ht="23.1" customHeight="1">
      <c r="C92" s="13"/>
      <c r="D92" s="13"/>
      <c r="E92" s="13"/>
    </row>
    <row r="93" spans="3:5" ht="23.1" customHeight="1">
      <c r="C93" s="13"/>
      <c r="D93" s="13"/>
      <c r="E93" s="13"/>
    </row>
    <row r="94" spans="3:5" ht="23.1" customHeight="1">
      <c r="C94" s="13"/>
      <c r="D94" s="13"/>
      <c r="E94" s="13"/>
    </row>
    <row r="95" spans="3:5" ht="23.1" customHeight="1">
      <c r="C95" s="13"/>
      <c r="D95" s="13"/>
      <c r="E95" s="13"/>
    </row>
    <row r="96" spans="3:5" ht="23.1" customHeight="1">
      <c r="C96" s="13"/>
      <c r="D96" s="13"/>
      <c r="E96" s="13"/>
    </row>
    <row r="97" spans="3:5" ht="23.1" customHeight="1">
      <c r="C97" s="13"/>
      <c r="D97" s="13"/>
      <c r="E97" s="13"/>
    </row>
    <row r="98" spans="3:5" ht="23.1" customHeight="1">
      <c r="C98" s="13"/>
      <c r="D98" s="13"/>
      <c r="E98" s="13"/>
    </row>
    <row r="99" spans="3:5" ht="23.1" customHeight="1">
      <c r="C99" s="13"/>
      <c r="D99" s="13"/>
      <c r="E99" s="13"/>
    </row>
    <row r="100" spans="3:5" ht="23.1" customHeight="1">
      <c r="C100" s="13"/>
      <c r="D100" s="13"/>
      <c r="E100" s="13"/>
    </row>
    <row r="101" spans="3:5" ht="23.1" customHeight="1">
      <c r="C101" s="13"/>
      <c r="D101" s="13"/>
      <c r="E101" s="13"/>
    </row>
    <row r="102" spans="3:5" ht="23.1" customHeight="1">
      <c r="C102" s="13"/>
      <c r="D102" s="13"/>
      <c r="E102" s="13"/>
    </row>
    <row r="103" spans="3:5" ht="23.1" customHeight="1">
      <c r="C103" s="13"/>
      <c r="D103" s="13"/>
      <c r="E103" s="13"/>
    </row>
    <row r="104" spans="3:5" ht="23.1" customHeight="1">
      <c r="C104" s="13"/>
      <c r="D104" s="13"/>
      <c r="E104" s="13"/>
    </row>
    <row r="105" spans="3:5" ht="23.1" customHeight="1">
      <c r="C105" s="13"/>
      <c r="D105" s="13"/>
      <c r="E105" s="13"/>
    </row>
    <row r="106" spans="3:5" ht="23.1" customHeight="1">
      <c r="C106" s="13"/>
      <c r="D106" s="13"/>
      <c r="E106" s="13"/>
    </row>
    <row r="107" spans="3:5" ht="23.1" customHeight="1">
      <c r="C107" s="13"/>
      <c r="D107" s="13"/>
      <c r="E107" s="13"/>
    </row>
    <row r="108" spans="3:5" ht="23.1" customHeight="1">
      <c r="C108" s="13"/>
      <c r="D108" s="13"/>
      <c r="E108" s="13"/>
    </row>
    <row r="109" spans="3:5" ht="23.1" customHeight="1">
      <c r="C109" s="13"/>
      <c r="D109" s="13"/>
      <c r="E109" s="13"/>
    </row>
    <row r="110" spans="3:5" ht="23.1" customHeight="1">
      <c r="C110" s="13"/>
      <c r="D110" s="13"/>
      <c r="E110" s="13"/>
    </row>
    <row r="111" spans="3:5" ht="23.1" customHeight="1">
      <c r="C111" s="13"/>
      <c r="D111" s="13"/>
      <c r="E111" s="13"/>
    </row>
    <row r="112" spans="3:5" ht="23.1" customHeight="1">
      <c r="C112" s="13"/>
      <c r="D112" s="13"/>
      <c r="E112" s="13"/>
    </row>
    <row r="113" spans="3:5" ht="23.1" customHeight="1">
      <c r="C113" s="13"/>
      <c r="D113" s="13"/>
      <c r="E113" s="13"/>
    </row>
    <row r="114" spans="3:5" ht="23.1" customHeight="1">
      <c r="C114" s="13"/>
      <c r="D114" s="13"/>
      <c r="E114" s="13"/>
    </row>
    <row r="115" spans="3:5" ht="23.1" customHeight="1">
      <c r="C115" s="13"/>
      <c r="D115" s="13"/>
      <c r="E115" s="13"/>
    </row>
    <row r="116" spans="3:5" ht="23.1" customHeight="1">
      <c r="C116" s="13"/>
      <c r="D116" s="13"/>
      <c r="E116" s="13"/>
    </row>
    <row r="117" spans="3:5" ht="23.1" customHeight="1">
      <c r="C117" s="13"/>
      <c r="D117" s="13"/>
      <c r="E117" s="13"/>
    </row>
    <row r="118" spans="3:5" ht="23.1" customHeight="1">
      <c r="C118" s="13"/>
      <c r="D118" s="13"/>
      <c r="E118" s="13"/>
    </row>
    <row r="119" spans="3:5" ht="23.1" customHeight="1">
      <c r="C119" s="13"/>
      <c r="D119" s="13"/>
      <c r="E119" s="13"/>
    </row>
    <row r="120" spans="3:5" ht="23.1" customHeight="1">
      <c r="C120" s="13"/>
      <c r="D120" s="13"/>
      <c r="E120" s="13"/>
    </row>
    <row r="121" spans="3:5" ht="23.1" customHeight="1">
      <c r="C121" s="13"/>
      <c r="D121" s="13"/>
      <c r="E121" s="13"/>
    </row>
    <row r="122" spans="3:5" ht="23.1" customHeight="1">
      <c r="C122" s="13"/>
      <c r="D122" s="13"/>
      <c r="E122" s="13"/>
    </row>
    <row r="123" spans="3:5" ht="23.1" customHeight="1">
      <c r="C123" s="13"/>
      <c r="D123" s="13"/>
      <c r="E123" s="13"/>
    </row>
    <row r="124" spans="3:5" ht="23.1" customHeight="1">
      <c r="C124" s="13"/>
      <c r="D124" s="13"/>
      <c r="E124" s="13"/>
    </row>
    <row r="125" spans="3:5" ht="23.1" customHeight="1">
      <c r="C125" s="13"/>
      <c r="D125" s="13"/>
      <c r="E125" s="13"/>
    </row>
    <row r="126" spans="3:5" ht="23.1" customHeight="1">
      <c r="C126" s="13"/>
      <c r="D126" s="13"/>
      <c r="E126" s="13"/>
    </row>
    <row r="127" spans="3:5" ht="23.1" customHeight="1">
      <c r="C127" s="13"/>
      <c r="D127" s="13"/>
      <c r="E127" s="13"/>
    </row>
    <row r="128" spans="3:5" ht="23.1" customHeight="1">
      <c r="C128" s="13"/>
      <c r="D128" s="13"/>
      <c r="E128" s="13"/>
    </row>
    <row r="129" spans="3:5" ht="23.1" customHeight="1">
      <c r="C129" s="13"/>
      <c r="D129" s="13"/>
      <c r="E129" s="13"/>
    </row>
    <row r="130" spans="3:5" ht="23.1" customHeight="1">
      <c r="C130" s="13"/>
      <c r="D130" s="13"/>
      <c r="E130" s="13"/>
    </row>
    <row r="131" spans="3:5" ht="23.1" customHeight="1">
      <c r="C131" s="13"/>
      <c r="D131" s="13"/>
      <c r="E131" s="13"/>
    </row>
    <row r="132" spans="3:5" ht="23.1" customHeight="1">
      <c r="C132" s="13"/>
      <c r="D132" s="13"/>
      <c r="E132" s="13"/>
    </row>
    <row r="133" spans="3:5" ht="23.1" customHeight="1">
      <c r="C133" s="13"/>
      <c r="D133" s="13"/>
      <c r="E133" s="13"/>
    </row>
    <row r="134" spans="3:5" ht="23.1" customHeight="1">
      <c r="C134" s="13"/>
      <c r="D134" s="13"/>
      <c r="E134" s="13"/>
    </row>
    <row r="135" spans="3:5" ht="23.1" customHeight="1">
      <c r="C135" s="13"/>
      <c r="D135" s="13"/>
      <c r="E135" s="13"/>
    </row>
    <row r="136" spans="3:5" ht="23.1" customHeight="1">
      <c r="C136" s="13"/>
      <c r="D136" s="13"/>
      <c r="E136" s="13"/>
    </row>
    <row r="137" spans="3:5" ht="23.1" customHeight="1">
      <c r="C137" s="13"/>
      <c r="D137" s="13"/>
      <c r="E137" s="13"/>
    </row>
    <row r="138" spans="3:5" ht="23.1" customHeight="1">
      <c r="C138" s="13"/>
      <c r="D138" s="13"/>
      <c r="E138" s="13"/>
    </row>
    <row r="139" spans="3:5" ht="23.1" customHeight="1">
      <c r="C139" s="13"/>
      <c r="D139" s="13"/>
      <c r="E139" s="13"/>
    </row>
    <row r="140" spans="3:5" ht="23.1" customHeight="1">
      <c r="C140" s="13"/>
      <c r="D140" s="13"/>
      <c r="E140" s="13"/>
    </row>
    <row r="141" spans="3:5" ht="23.1" customHeight="1">
      <c r="C141" s="13"/>
      <c r="D141" s="13"/>
      <c r="E141" s="13"/>
    </row>
    <row r="142" spans="3:5" ht="23.1" customHeight="1">
      <c r="C142" s="13"/>
      <c r="D142" s="13"/>
      <c r="E142" s="13"/>
    </row>
  </sheetData>
  <autoFilter ref="A2:E77"/>
  <mergeCells count="1">
    <mergeCell ref="A1:E1"/>
  </mergeCells>
  <phoneticPr fontId="1"/>
  <conditionalFormatting sqref="D20">
    <cfRule type="expression" dxfId="0" priority="1" stopIfTrue="1">
      <formula>AND(COUNTIF($B20,"&lt;&gt;"),D20="")</formula>
    </cfRule>
  </conditionalFormatting>
  <dataValidations count="3">
    <dataValidation type="list" allowBlank="1" showInputMessage="1" showErrorMessage="1" sqref="E75:E1048576 E2:E5">
      <formula1>"旅館,ホテル,簡易宿所"</formula1>
    </dataValidation>
    <dataValidation type="custom" allowBlank="1" showInputMessage="1" showErrorMessage="1" errorTitle="入力規則" error="全角で入力してください" sqref="D20">
      <formula1>AND(D20=DBCS(D20))</formula1>
    </dataValidation>
    <dataValidation type="list" allowBlank="1" showInputMessage="1" showErrorMessage="1" sqref="E6:E74">
      <formula1>"旅館・ホテル,簡易宿所"</formula1>
    </dataValidation>
  </dataValidations>
  <printOptions horizontalCentered="1"/>
  <pageMargins left="0.70866141732283472" right="0.70866141732283472" top="0.74803149606299213" bottom="0.59055118110236227" header="0.31496062992125984" footer="0.31496062992125984"/>
  <pageSetup paperSize="9" scale="53" fitToHeight="0" orientation="portrait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三崎 </vt:lpstr>
      <vt:lpstr>'三崎 '!Print_Area</vt:lpstr>
      <vt:lpstr>'三崎 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17T02:31:35Z</cp:lastPrinted>
  <dcterms:created xsi:type="dcterms:W3CDTF">2016-12-05T08:23:20Z</dcterms:created>
  <dcterms:modified xsi:type="dcterms:W3CDTF">2025-10-17T02:58:31Z</dcterms:modified>
</cp:coreProperties>
</file>